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0"/>
  </p:notesMasterIdLst>
  <p:handoutMasterIdLst>
    <p:handoutMasterId r:id="rId21"/>
  </p:handoutMasterIdLst>
  <p:sldIdLst>
    <p:sldId id="256" r:id="rId10"/>
    <p:sldId id="260" r:id="rId11"/>
    <p:sldId id="313" r:id="rId12"/>
    <p:sldId id="304" r:id="rId13"/>
    <p:sldId id="305" r:id="rId14"/>
    <p:sldId id="308" r:id="rId15"/>
    <p:sldId id="310" r:id="rId16"/>
    <p:sldId id="309" r:id="rId17"/>
    <p:sldId id="312" r:id="rId18"/>
    <p:sldId id="269" r:id="rId19"/>
  </p:sldIdLst>
  <p:sldSz cx="12190413" cy="6858000"/>
  <p:notesSz cx="6858000" cy="9144000"/>
  <p:custDataLst>
    <p:tags r:id="rId2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0000"/>
    <a:srgbClr val="FFFFFF"/>
    <a:srgbClr val="99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F3119E5-0B7E-4720-B887-8E7EE56788F7}" v="89" dt="2024-07-11T07:01:03.29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712" y="48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presProps" Target="presProps.xml"/><Relationship Id="rId28" Type="http://schemas.microsoft.com/office/2015/10/relationships/revisionInfo" Target="revisionInfo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ags" Target="tags/tag1.xml"/><Relationship Id="rId27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7F3119E5-0B7E-4720-B887-8E7EE56788F7}"/>
    <pc:docChg chg="undo custSel addSld delSld modSld sldOrd modMainMaster">
      <pc:chgData name="Mikael Lenz Strube" userId="5190ea63-534e-4b85-8189-cf0a88e74104" providerId="ADAL" clId="{7F3119E5-0B7E-4720-B887-8E7EE56788F7}" dt="2024-07-11T07:01:03.294" v="257" actId="20577"/>
      <pc:docMkLst>
        <pc:docMk/>
      </pc:docMkLst>
      <pc:sldChg chg="add del">
        <pc:chgData name="Mikael Lenz Strube" userId="5190ea63-534e-4b85-8189-cf0a88e74104" providerId="ADAL" clId="{7F3119E5-0B7E-4720-B887-8E7EE56788F7}" dt="2024-07-02T05:07:09.587" v="37" actId="47"/>
        <pc:sldMkLst>
          <pc:docMk/>
          <pc:sldMk cId="1796381250" sldId="257"/>
        </pc:sldMkLst>
      </pc:sldChg>
      <pc:sldChg chg="modSp add del mod">
        <pc:chgData name="Mikael Lenz Strube" userId="5190ea63-534e-4b85-8189-cf0a88e74104" providerId="ADAL" clId="{7F3119E5-0B7E-4720-B887-8E7EE56788F7}" dt="2024-07-02T05:05:15.857" v="34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7F3119E5-0B7E-4720-B887-8E7EE56788F7}" dt="2024-07-02T05:05:15.857" v="34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add del">
        <pc:chgData name="Mikael Lenz Strube" userId="5190ea63-534e-4b85-8189-cf0a88e74104" providerId="ADAL" clId="{7F3119E5-0B7E-4720-B887-8E7EE56788F7}" dt="2024-07-02T05:07:09.587" v="37" actId="47"/>
        <pc:sldMkLst>
          <pc:docMk/>
          <pc:sldMk cId="3407962450" sldId="261"/>
        </pc:sldMkLst>
      </pc:sldChg>
      <pc:sldChg chg="add del">
        <pc:chgData name="Mikael Lenz Strube" userId="5190ea63-534e-4b85-8189-cf0a88e74104" providerId="ADAL" clId="{7F3119E5-0B7E-4720-B887-8E7EE56788F7}" dt="2024-07-02T05:07:09.587" v="37" actId="47"/>
        <pc:sldMkLst>
          <pc:docMk/>
          <pc:sldMk cId="676172555" sldId="262"/>
        </pc:sldMkLst>
      </pc:sldChg>
      <pc:sldChg chg="add del">
        <pc:chgData name="Mikael Lenz Strube" userId="5190ea63-534e-4b85-8189-cf0a88e74104" providerId="ADAL" clId="{7F3119E5-0B7E-4720-B887-8E7EE56788F7}" dt="2024-07-02T05:07:09.587" v="37" actId="47"/>
        <pc:sldMkLst>
          <pc:docMk/>
          <pc:sldMk cId="1595494474" sldId="263"/>
        </pc:sldMkLst>
      </pc:sldChg>
      <pc:sldChg chg="add del">
        <pc:chgData name="Mikael Lenz Strube" userId="5190ea63-534e-4b85-8189-cf0a88e74104" providerId="ADAL" clId="{7F3119E5-0B7E-4720-B887-8E7EE56788F7}" dt="2024-07-02T05:07:09.587" v="37" actId="47"/>
        <pc:sldMkLst>
          <pc:docMk/>
          <pc:sldMk cId="1536162308" sldId="264"/>
        </pc:sldMkLst>
      </pc:sldChg>
      <pc:sldChg chg="add del">
        <pc:chgData name="Mikael Lenz Strube" userId="5190ea63-534e-4b85-8189-cf0a88e74104" providerId="ADAL" clId="{7F3119E5-0B7E-4720-B887-8E7EE56788F7}" dt="2024-07-02T05:07:09.587" v="37" actId="47"/>
        <pc:sldMkLst>
          <pc:docMk/>
          <pc:sldMk cId="405498124" sldId="265"/>
        </pc:sldMkLst>
      </pc:sldChg>
      <pc:sldChg chg="add del">
        <pc:chgData name="Mikael Lenz Strube" userId="5190ea63-534e-4b85-8189-cf0a88e74104" providerId="ADAL" clId="{7F3119E5-0B7E-4720-B887-8E7EE56788F7}" dt="2024-07-02T05:07:09.587" v="37" actId="47"/>
        <pc:sldMkLst>
          <pc:docMk/>
          <pc:sldMk cId="421901412" sldId="266"/>
        </pc:sldMkLst>
      </pc:sldChg>
      <pc:sldChg chg="add del">
        <pc:chgData name="Mikael Lenz Strube" userId="5190ea63-534e-4b85-8189-cf0a88e74104" providerId="ADAL" clId="{7F3119E5-0B7E-4720-B887-8E7EE56788F7}" dt="2024-07-02T05:07:09.587" v="37" actId="47"/>
        <pc:sldMkLst>
          <pc:docMk/>
          <pc:sldMk cId="984909328" sldId="267"/>
        </pc:sldMkLst>
      </pc:sldChg>
      <pc:sldChg chg="add del">
        <pc:chgData name="Mikael Lenz Strube" userId="5190ea63-534e-4b85-8189-cf0a88e74104" providerId="ADAL" clId="{7F3119E5-0B7E-4720-B887-8E7EE56788F7}" dt="2024-07-02T05:07:09.587" v="37" actId="47"/>
        <pc:sldMkLst>
          <pc:docMk/>
          <pc:sldMk cId="653347438" sldId="268"/>
        </pc:sldMkLst>
      </pc:sldChg>
      <pc:sldChg chg="modSp mod">
        <pc:chgData name="Mikael Lenz Strube" userId="5190ea63-534e-4b85-8189-cf0a88e74104" providerId="ADAL" clId="{7F3119E5-0B7E-4720-B887-8E7EE56788F7}" dt="2024-07-02T05:07:18.968" v="56" actId="20577"/>
        <pc:sldMkLst>
          <pc:docMk/>
          <pc:sldMk cId="355116581" sldId="269"/>
        </pc:sldMkLst>
        <pc:spChg chg="mod">
          <ac:chgData name="Mikael Lenz Strube" userId="5190ea63-534e-4b85-8189-cf0a88e74104" providerId="ADAL" clId="{7F3119E5-0B7E-4720-B887-8E7EE56788F7}" dt="2024-07-02T05:07:18.968" v="56" actId="20577"/>
          <ac:spMkLst>
            <pc:docMk/>
            <pc:sldMk cId="355116581" sldId="269"/>
            <ac:spMk id="4" creationId="{674358EA-4D5B-461F-997D-DE6729900DE7}"/>
          </ac:spMkLst>
        </pc:spChg>
      </pc:sldChg>
      <pc:sldChg chg="add del">
        <pc:chgData name="Mikael Lenz Strube" userId="5190ea63-534e-4b85-8189-cf0a88e74104" providerId="ADAL" clId="{7F3119E5-0B7E-4720-B887-8E7EE56788F7}" dt="2024-07-02T05:04:49.503" v="14"/>
        <pc:sldMkLst>
          <pc:docMk/>
          <pc:sldMk cId="1003268430" sldId="304"/>
        </pc:sldMkLst>
      </pc:sldChg>
      <pc:sldChg chg="add del">
        <pc:chgData name="Mikael Lenz Strube" userId="5190ea63-534e-4b85-8189-cf0a88e74104" providerId="ADAL" clId="{7F3119E5-0B7E-4720-B887-8E7EE56788F7}" dt="2024-07-02T05:04:49.503" v="14"/>
        <pc:sldMkLst>
          <pc:docMk/>
          <pc:sldMk cId="2940002941" sldId="305"/>
        </pc:sldMkLst>
      </pc:sldChg>
      <pc:sldChg chg="add del">
        <pc:chgData name="Mikael Lenz Strube" userId="5190ea63-534e-4b85-8189-cf0a88e74104" providerId="ADAL" clId="{7F3119E5-0B7E-4720-B887-8E7EE56788F7}" dt="2024-07-02T05:04:49.503" v="14"/>
        <pc:sldMkLst>
          <pc:docMk/>
          <pc:sldMk cId="1114603209" sldId="308"/>
        </pc:sldMkLst>
      </pc:sldChg>
      <pc:sldChg chg="addSp modSp add del mod modAnim">
        <pc:chgData name="Mikael Lenz Strube" userId="5190ea63-534e-4b85-8189-cf0a88e74104" providerId="ADAL" clId="{7F3119E5-0B7E-4720-B887-8E7EE56788F7}" dt="2024-07-02T06:25:03.278" v="115"/>
        <pc:sldMkLst>
          <pc:docMk/>
          <pc:sldMk cId="3134895259" sldId="309"/>
        </pc:sldMkLst>
        <pc:spChg chg="add mod">
          <ac:chgData name="Mikael Lenz Strube" userId="5190ea63-534e-4b85-8189-cf0a88e74104" providerId="ADAL" clId="{7F3119E5-0B7E-4720-B887-8E7EE56788F7}" dt="2024-07-02T06:24:04.750" v="111" actId="208"/>
          <ac:spMkLst>
            <pc:docMk/>
            <pc:sldMk cId="3134895259" sldId="309"/>
            <ac:spMk id="12" creationId="{717F6762-659B-E677-EC28-F079629B07D8}"/>
          </ac:spMkLst>
        </pc:spChg>
        <pc:spChg chg="mod">
          <ac:chgData name="Mikael Lenz Strube" userId="5190ea63-534e-4b85-8189-cf0a88e74104" providerId="ADAL" clId="{7F3119E5-0B7E-4720-B887-8E7EE56788F7}" dt="2024-07-02T05:06:07.151" v="35" actId="207"/>
          <ac:spMkLst>
            <pc:docMk/>
            <pc:sldMk cId="3134895259" sldId="309"/>
            <ac:spMk id="35" creationId="{8BA398ED-5B95-563D-B919-B43793EAE856}"/>
          </ac:spMkLst>
        </pc:spChg>
        <pc:spChg chg="mod">
          <ac:chgData name="Mikael Lenz Strube" userId="5190ea63-534e-4b85-8189-cf0a88e74104" providerId="ADAL" clId="{7F3119E5-0B7E-4720-B887-8E7EE56788F7}" dt="2024-07-02T06:12:47.448" v="101" actId="164"/>
          <ac:spMkLst>
            <pc:docMk/>
            <pc:sldMk cId="3134895259" sldId="309"/>
            <ac:spMk id="39" creationId="{892B3B6E-A72B-373C-2D47-538BDA7A016B}"/>
          </ac:spMkLst>
        </pc:spChg>
        <pc:grpChg chg="add mod">
          <ac:chgData name="Mikael Lenz Strube" userId="5190ea63-534e-4b85-8189-cf0a88e74104" providerId="ADAL" clId="{7F3119E5-0B7E-4720-B887-8E7EE56788F7}" dt="2024-07-02T06:12:47.448" v="101" actId="164"/>
          <ac:grpSpMkLst>
            <pc:docMk/>
            <pc:sldMk cId="3134895259" sldId="309"/>
            <ac:grpSpMk id="6" creationId="{58B1DE1E-49D7-26DE-D3E9-0BAB82B511A1}"/>
          </ac:grpSpMkLst>
        </pc:grpChg>
        <pc:cxnChg chg="add mod">
          <ac:chgData name="Mikael Lenz Strube" userId="5190ea63-534e-4b85-8189-cf0a88e74104" providerId="ADAL" clId="{7F3119E5-0B7E-4720-B887-8E7EE56788F7}" dt="2024-07-02T06:12:47.448" v="101" actId="164"/>
          <ac:cxnSpMkLst>
            <pc:docMk/>
            <pc:sldMk cId="3134895259" sldId="309"/>
            <ac:cxnSpMk id="4" creationId="{762CE932-75A0-8B92-3854-61953209A5ED}"/>
          </ac:cxnSpMkLst>
        </pc:cxnChg>
        <pc:cxnChg chg="add mod">
          <ac:chgData name="Mikael Lenz Strube" userId="5190ea63-534e-4b85-8189-cf0a88e74104" providerId="ADAL" clId="{7F3119E5-0B7E-4720-B887-8E7EE56788F7}" dt="2024-07-02T06:13:28.088" v="107" actId="14100"/>
          <ac:cxnSpMkLst>
            <pc:docMk/>
            <pc:sldMk cId="3134895259" sldId="309"/>
            <ac:cxnSpMk id="9" creationId="{D495FB02-7378-64CA-9CEE-D793DB9AE297}"/>
          </ac:cxnSpMkLst>
        </pc:cxnChg>
      </pc:sldChg>
      <pc:sldChg chg="add del">
        <pc:chgData name="Mikael Lenz Strube" userId="5190ea63-534e-4b85-8189-cf0a88e74104" providerId="ADAL" clId="{7F3119E5-0B7E-4720-B887-8E7EE56788F7}" dt="2024-07-02T05:04:49.503" v="14"/>
        <pc:sldMkLst>
          <pc:docMk/>
          <pc:sldMk cId="30571329" sldId="310"/>
        </pc:sldMkLst>
      </pc:sldChg>
      <pc:sldChg chg="add del">
        <pc:chgData name="Mikael Lenz Strube" userId="5190ea63-534e-4b85-8189-cf0a88e74104" providerId="ADAL" clId="{7F3119E5-0B7E-4720-B887-8E7EE56788F7}" dt="2024-07-02T05:04:49.503" v="14"/>
        <pc:sldMkLst>
          <pc:docMk/>
          <pc:sldMk cId="2863563466" sldId="312"/>
        </pc:sldMkLst>
      </pc:sldChg>
      <pc:sldChg chg="modSp new mod ord modAnim">
        <pc:chgData name="Mikael Lenz Strube" userId="5190ea63-534e-4b85-8189-cf0a88e74104" providerId="ADAL" clId="{7F3119E5-0B7E-4720-B887-8E7EE56788F7}" dt="2024-07-11T07:01:03.294" v="257" actId="20577"/>
        <pc:sldMkLst>
          <pc:docMk/>
          <pc:sldMk cId="770850373" sldId="313"/>
        </pc:sldMkLst>
        <pc:spChg chg="mod">
          <ac:chgData name="Mikael Lenz Strube" userId="5190ea63-534e-4b85-8189-cf0a88e74104" providerId="ADAL" clId="{7F3119E5-0B7E-4720-B887-8E7EE56788F7}" dt="2024-07-02T07:04:17.835" v="125" actId="20577"/>
          <ac:spMkLst>
            <pc:docMk/>
            <pc:sldMk cId="770850373" sldId="313"/>
            <ac:spMk id="2" creationId="{37BE6E5D-F111-798A-0658-E363054757FB}"/>
          </ac:spMkLst>
        </pc:spChg>
        <pc:spChg chg="mod">
          <ac:chgData name="Mikael Lenz Strube" userId="5190ea63-534e-4b85-8189-cf0a88e74104" providerId="ADAL" clId="{7F3119E5-0B7E-4720-B887-8E7EE56788F7}" dt="2024-07-11T07:01:03.294" v="257" actId="20577"/>
          <ac:spMkLst>
            <pc:docMk/>
            <pc:sldMk cId="770850373" sldId="313"/>
            <ac:spMk id="3" creationId="{C4083240-A1CA-58D9-73A1-6157B9C41325}"/>
          </ac:spMkLst>
        </pc:spChg>
      </pc:sldChg>
      <pc:sldChg chg="modSp add del mod">
        <pc:chgData name="Mikael Lenz Strube" userId="5190ea63-534e-4b85-8189-cf0a88e74104" providerId="ADAL" clId="{7F3119E5-0B7E-4720-B887-8E7EE56788F7}" dt="2024-07-02T06:33:07.550" v="116" actId="47"/>
        <pc:sldMkLst>
          <pc:docMk/>
          <pc:sldMk cId="774758893" sldId="314"/>
        </pc:sldMkLst>
        <pc:spChg chg="mod">
          <ac:chgData name="Mikael Lenz Strube" userId="5190ea63-534e-4b85-8189-cf0a88e74104" providerId="ADAL" clId="{7F3119E5-0B7E-4720-B887-8E7EE56788F7}" dt="2024-07-02T05:06:30.387" v="36" actId="207"/>
          <ac:spMkLst>
            <pc:docMk/>
            <pc:sldMk cId="774758893" sldId="314"/>
            <ac:spMk id="33" creationId="{FB7CB208-6648-9F34-018D-52692132330B}"/>
          </ac:spMkLst>
        </pc:spChg>
      </pc:sldChg>
      <pc:sldChg chg="add del">
        <pc:chgData name="Mikael Lenz Strube" userId="5190ea63-534e-4b85-8189-cf0a88e74104" providerId="ADAL" clId="{7F3119E5-0B7E-4720-B887-8E7EE56788F7}" dt="2024-07-02T05:04:26.511" v="13"/>
        <pc:sldMkLst>
          <pc:docMk/>
          <pc:sldMk cId="1242961078" sldId="315"/>
        </pc:sldMkLst>
      </pc:sldChg>
      <pc:sldChg chg="add del">
        <pc:chgData name="Mikael Lenz Strube" userId="5190ea63-534e-4b85-8189-cf0a88e74104" providerId="ADAL" clId="{7F3119E5-0B7E-4720-B887-8E7EE56788F7}" dt="2024-07-02T05:00:27.997" v="1"/>
        <pc:sldMkLst>
          <pc:docMk/>
          <pc:sldMk cId="3963808119" sldId="315"/>
        </pc:sldMkLst>
      </pc:sldChg>
      <pc:sldChg chg="add del">
        <pc:chgData name="Mikael Lenz Strube" userId="5190ea63-534e-4b85-8189-cf0a88e74104" providerId="ADAL" clId="{7F3119E5-0B7E-4720-B887-8E7EE56788F7}" dt="2024-07-02T05:04:26.511" v="13"/>
        <pc:sldMkLst>
          <pc:docMk/>
          <pc:sldMk cId="279526355" sldId="316"/>
        </pc:sldMkLst>
      </pc:sldChg>
      <pc:sldChg chg="add del">
        <pc:chgData name="Mikael Lenz Strube" userId="5190ea63-534e-4b85-8189-cf0a88e74104" providerId="ADAL" clId="{7F3119E5-0B7E-4720-B887-8E7EE56788F7}" dt="2024-07-02T05:00:27.997" v="1"/>
        <pc:sldMkLst>
          <pc:docMk/>
          <pc:sldMk cId="2564786881" sldId="316"/>
        </pc:sldMkLst>
      </pc:sldChg>
      <pc:sldMasterChg chg="setBg modSldLayout">
        <pc:chgData name="Mikael Lenz Strube" userId="5190ea63-534e-4b85-8189-cf0a88e74104" providerId="ADAL" clId="{7F3119E5-0B7E-4720-B887-8E7EE56788F7}" dt="2024-07-02T05:05:04.113" v="15"/>
        <pc:sldMasterMkLst>
          <pc:docMk/>
          <pc:sldMasterMk cId="2454702602" sldId="2147483662"/>
        </pc:sldMasterMkLst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3227214542" sldId="2147483663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1187774059" sldId="2147483664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120845512" sldId="2147483666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2669264705" sldId="2147483667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2321786107" sldId="2147483668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3496376187" sldId="2147483669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1225919311" sldId="2147483671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3922670733" sldId="2147483672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1283562364" sldId="2147483673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1886374073" sldId="2147483676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2.584" v="11"/>
          <pc:sldLayoutMkLst>
            <pc:docMk/>
            <pc:sldMasterMk cId="2454702602" sldId="2147483662"/>
            <pc:sldLayoutMk cId="1131213533" sldId="2147483677"/>
          </pc:sldLayoutMkLst>
        </pc:sldLayoutChg>
        <pc:sldLayoutChg chg="setBg">
          <pc:chgData name="Mikael Lenz Strube" userId="5190ea63-534e-4b85-8189-cf0a88e74104" providerId="ADAL" clId="{7F3119E5-0B7E-4720-B887-8E7EE56788F7}" dt="2024-07-02T05:04:25.219" v="12"/>
          <pc:sldLayoutMkLst>
            <pc:docMk/>
            <pc:sldMasterMk cId="2454702602" sldId="2147483662"/>
            <pc:sldLayoutMk cId="2417416823" sldId="2147483678"/>
          </pc:sldLayoutMkLst>
        </pc:sldLayoutChg>
        <pc:sldLayoutChg chg="setBg">
          <pc:chgData name="Mikael Lenz Strube" userId="5190ea63-534e-4b85-8189-cf0a88e74104" providerId="ADAL" clId="{7F3119E5-0B7E-4720-B887-8E7EE56788F7}" dt="2024-07-02T05:05:04.113" v="15"/>
          <pc:sldLayoutMkLst>
            <pc:docMk/>
            <pc:sldMasterMk cId="2454702602" sldId="2147483662"/>
            <pc:sldLayoutMk cId="2936311658" sldId="2147483678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 rtlCol="0"/>
          <a:lstStyle/>
          <a:p>
            <a:pPr rtl="0"/>
            <a:r>
              <a:rPr lang="da-DK" noProof="0"/>
              <a:t>Klik for at redigere titeltypografier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 hasCustomPrompt="1"/>
          </p:nvPr>
        </p:nvSpPr>
        <p:spPr/>
        <p:txBody>
          <a:bodyPr rtlCol="0"/>
          <a:lstStyle/>
          <a:p>
            <a:pPr lvl="0" rtl="0"/>
            <a:r>
              <a:rPr lang="da-DK" noProof="0"/>
              <a:t>Klik for at redigere i master</a:t>
            </a:r>
          </a:p>
          <a:p>
            <a:pPr lvl="1" rtl="0"/>
            <a:r>
              <a:rPr lang="da-DK" noProof="0"/>
              <a:t>Andet niveau</a:t>
            </a:r>
          </a:p>
          <a:p>
            <a:pPr lvl="2" rtl="0"/>
            <a:r>
              <a:rPr lang="da-DK" noProof="0"/>
              <a:t>Tredje niveau</a:t>
            </a:r>
          </a:p>
          <a:p>
            <a:pPr lvl="3" rtl="0"/>
            <a:r>
              <a:rPr lang="da-DK" noProof="0"/>
              <a:t>Fjerde niveau</a:t>
            </a:r>
          </a:p>
          <a:p>
            <a:pPr lvl="4" rtl="0"/>
            <a:r>
              <a:rPr lang="da-DK" noProof="0"/>
              <a:t>Femte niveau</a:t>
            </a:r>
          </a:p>
        </p:txBody>
      </p:sp>
      <p:sp>
        <p:nvSpPr>
          <p:cNvPr id="7" name="Pladsholder til dato 6">
            <a:extLst>
              <a:ext uri="{FF2B5EF4-FFF2-40B4-BE49-F238E27FC236}">
                <a16:creationId xmlns:a16="http://schemas.microsoft.com/office/drawing/2014/main" id="{354D8B55-9EA8-4B81-8E84-9B93B0A275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pPr rtl="0"/>
            <a:fld id="{8F6031D3-A5DC-4A98-88EA-FAEF42BD7FA7}" type="datetime1">
              <a:rPr lang="da-DK" noProof="0" smtClean="0"/>
              <a:t>11-07-2024</a:t>
            </a:fld>
            <a:endParaRPr lang="da-DK" noProof="0"/>
          </a:p>
        </p:txBody>
      </p:sp>
      <p:sp>
        <p:nvSpPr>
          <p:cNvPr id="8" name="Pladsholder til sidefod 7">
            <a:extLst>
              <a:ext uri="{FF2B5EF4-FFF2-40B4-BE49-F238E27FC236}">
                <a16:creationId xmlns:a16="http://schemas.microsoft.com/office/drawing/2014/main" id="{062CA021-2578-47CB-822C-BDDFF7223B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pPr rtl="0"/>
            <a:endParaRPr lang="da-DK" noProof="0"/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C4AAB51D-4141-4682-9375-DAFD5FB9DD1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pPr rtl="0"/>
            <a:fld id="{3A98EE3D-8CD1-4C3F-BD1C-C98C9596463C}" type="slidenum">
              <a:rPr lang="da-DK" noProof="0" smtClean="0"/>
              <a:t>‹#›</a:t>
            </a:fld>
            <a:endParaRPr lang="da-DK" noProof="0"/>
          </a:p>
        </p:txBody>
      </p:sp>
    </p:spTree>
    <p:extLst>
      <p:ext uri="{BB962C8B-B14F-4D97-AF65-F5344CB8AC3E}">
        <p14:creationId xmlns:p14="http://schemas.microsoft.com/office/powerpoint/2010/main" val="293631165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slideLayout" Target="../slideLayouts/slideLayout12.xml"/><Relationship Id="rId1" Type="http://schemas.openxmlformats.org/officeDocument/2006/relationships/video" Target="https://www.youtube.com/embed/RcP85JHLmnI?feature=oembed" TargetMode="Externa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Nanopore sequenc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(milst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0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11658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Nanopore sequenc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(milst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7BE6E5D-F111-798A-0658-E363054757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cap</a:t>
            </a:r>
            <a:r>
              <a:rPr lang="da-DK" dirty="0"/>
              <a:t>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083240-A1CA-58D9-73A1-6157B9C4132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sz="2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56B338D-ADA4-5FD9-257E-2967F63CFFC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rtl="0"/>
            <a:fld id="{3A98EE3D-8CD1-4C3F-BD1C-C98C9596463C}" type="slidenum">
              <a:rPr lang="da-DK" noProof="0" smtClean="0"/>
              <a:t>3</a:t>
            </a:fld>
            <a:endParaRPr lang="da-DK" noProof="0"/>
          </a:p>
        </p:txBody>
      </p:sp>
    </p:spTree>
    <p:extLst>
      <p:ext uri="{BB962C8B-B14F-4D97-AF65-F5344CB8AC3E}">
        <p14:creationId xmlns:p14="http://schemas.microsoft.com/office/powerpoint/2010/main" val="7708503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5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DF2F65-EA15-2704-4EA1-86AEB9388E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anopore</a:t>
            </a:r>
            <a:br>
              <a:rPr lang="da-DK" dirty="0"/>
            </a:br>
            <a:r>
              <a:rPr lang="da-DK" dirty="0"/>
              <a:t>The </a:t>
            </a:r>
            <a:r>
              <a:rPr lang="da-DK" dirty="0" err="1"/>
              <a:t>history</a:t>
            </a:r>
            <a:endParaRPr lang="da-DK" dirty="0"/>
          </a:p>
        </p:txBody>
      </p:sp>
      <p:pic>
        <p:nvPicPr>
          <p:cNvPr id="1026" name="Picture 2" descr="undefined">
            <a:extLst>
              <a:ext uri="{FF2B5EF4-FFF2-40B4-BE49-F238E27FC236}">
                <a16:creationId xmlns:a16="http://schemas.microsoft.com/office/drawing/2014/main" id="{60D9C7B3-CE5F-1835-0332-C93397BB1807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584628" y="2108372"/>
            <a:ext cx="9081474" cy="376029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63A45D79-332A-C9D7-7EEC-CDF96B77954C}"/>
              </a:ext>
            </a:extLst>
          </p:cNvPr>
          <p:cNvSpPr txBox="1"/>
          <p:nvPr/>
        </p:nvSpPr>
        <p:spPr>
          <a:xfrm>
            <a:off x="308069" y="2962336"/>
            <a:ext cx="1128688" cy="107707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da-DK" dirty="0"/>
              <a:t>1st gen</a:t>
            </a:r>
          </a:p>
          <a:p>
            <a:pPr algn="ctr"/>
            <a:r>
              <a:rPr lang="da-DK" dirty="0"/>
              <a:t>1 </a:t>
            </a:r>
            <a:r>
              <a:rPr lang="da-DK" dirty="0" err="1"/>
              <a:t>seq</a:t>
            </a:r>
            <a:endParaRPr lang="da-DK" dirty="0"/>
          </a:p>
          <a:p>
            <a:pPr algn="ctr"/>
            <a:r>
              <a:rPr lang="da-DK" dirty="0"/>
              <a:t>~1000bp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519887F-7BA3-5833-690C-A2EE359B07C8}"/>
              </a:ext>
            </a:extLst>
          </p:cNvPr>
          <p:cNvSpPr txBox="1"/>
          <p:nvPr/>
        </p:nvSpPr>
        <p:spPr>
          <a:xfrm>
            <a:off x="5816091" y="700155"/>
            <a:ext cx="1313010" cy="107707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da-DK" dirty="0"/>
              <a:t>2nd gen</a:t>
            </a:r>
          </a:p>
          <a:p>
            <a:pPr algn="ctr"/>
            <a:r>
              <a:rPr lang="da-DK" dirty="0"/>
              <a:t>~</a:t>
            </a:r>
            <a:r>
              <a:rPr lang="da-DK" dirty="0" err="1"/>
              <a:t>milions</a:t>
            </a:r>
            <a:endParaRPr lang="da-DK" dirty="0"/>
          </a:p>
          <a:p>
            <a:pPr algn="ctr"/>
            <a:r>
              <a:rPr lang="da-DK" dirty="0"/>
              <a:t>200-500bp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CAA05BD-0BB9-93A6-3581-05F492E9F1D5}"/>
              </a:ext>
            </a:extLst>
          </p:cNvPr>
          <p:cNvSpPr txBox="1"/>
          <p:nvPr/>
        </p:nvSpPr>
        <p:spPr>
          <a:xfrm>
            <a:off x="10480549" y="814370"/>
            <a:ext cx="1412382" cy="107707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da-DK" dirty="0"/>
              <a:t>3rd gen</a:t>
            </a:r>
          </a:p>
          <a:p>
            <a:pPr algn="ctr"/>
            <a:r>
              <a:rPr lang="da-DK" dirty="0"/>
              <a:t>~</a:t>
            </a:r>
            <a:r>
              <a:rPr lang="da-DK" dirty="0" err="1"/>
              <a:t>milions</a:t>
            </a:r>
            <a:endParaRPr lang="da-DK" dirty="0"/>
          </a:p>
          <a:p>
            <a:pPr algn="ctr"/>
            <a:r>
              <a:rPr lang="da-DK" dirty="0"/>
              <a:t>&gt;</a:t>
            </a:r>
            <a:r>
              <a:rPr lang="da-DK" dirty="0" err="1"/>
              <a:t>milions</a:t>
            </a:r>
            <a:r>
              <a:rPr lang="da-DK" dirty="0"/>
              <a:t> bp</a:t>
            </a:r>
          </a:p>
        </p:txBody>
      </p:sp>
    </p:spTree>
    <p:extLst>
      <p:ext uri="{BB962C8B-B14F-4D97-AF65-F5344CB8AC3E}">
        <p14:creationId xmlns:p14="http://schemas.microsoft.com/office/powerpoint/2010/main" val="100326843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  <p:bldP spid="5" grpId="0"/>
      <p:bldP spid="6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675234-672D-8414-0839-FBFB7A37CC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anopore</a:t>
            </a:r>
            <a:br>
              <a:rPr lang="da-DK" dirty="0"/>
            </a:br>
            <a:r>
              <a:rPr lang="da-DK" dirty="0"/>
              <a:t>The </a:t>
            </a:r>
            <a:r>
              <a:rPr lang="da-DK" dirty="0" err="1"/>
              <a:t>concept</a:t>
            </a:r>
            <a:endParaRPr lang="da-DK" dirty="0"/>
          </a:p>
        </p:txBody>
      </p:sp>
      <p:pic>
        <p:nvPicPr>
          <p:cNvPr id="2050" name="Picture 2" descr="DNA i hindbær - Videnskabsklubben">
            <a:extLst>
              <a:ext uri="{FF2B5EF4-FFF2-40B4-BE49-F238E27FC236}">
                <a16:creationId xmlns:a16="http://schemas.microsoft.com/office/drawing/2014/main" id="{8EDC5A63-B7FE-FA87-47F4-676E44727B0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50787" y="2267101"/>
            <a:ext cx="3109964" cy="351426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40E6E538-54AD-7106-3761-C037E18219A3}"/>
              </a:ext>
            </a:extLst>
          </p:cNvPr>
          <p:cNvSpPr txBox="1"/>
          <p:nvPr/>
        </p:nvSpPr>
        <p:spPr>
          <a:xfrm>
            <a:off x="8799954" y="3654950"/>
            <a:ext cx="2076452" cy="3385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AGCTAAGTCGAT….</a:t>
            </a:r>
          </a:p>
        </p:txBody>
      </p:sp>
    </p:spTree>
    <p:extLst>
      <p:ext uri="{BB962C8B-B14F-4D97-AF65-F5344CB8AC3E}">
        <p14:creationId xmlns:p14="http://schemas.microsoft.com/office/powerpoint/2010/main" val="294000294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675234-672D-8414-0839-FBFB7A37CC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anopore</a:t>
            </a:r>
            <a:br>
              <a:rPr lang="da-DK" dirty="0"/>
            </a:br>
            <a:r>
              <a:rPr lang="da-DK" dirty="0"/>
              <a:t>The </a:t>
            </a:r>
            <a:r>
              <a:rPr lang="da-DK" dirty="0" err="1"/>
              <a:t>concept</a:t>
            </a:r>
            <a:endParaRPr lang="da-DK" dirty="0"/>
          </a:p>
        </p:txBody>
      </p:sp>
      <p:pic>
        <p:nvPicPr>
          <p:cNvPr id="3074" name="Picture 2" descr="A blood drop through the pore: nanopore sequencing in hematology: Trends in  Genetics">
            <a:extLst>
              <a:ext uri="{FF2B5EF4-FFF2-40B4-BE49-F238E27FC236}">
                <a16:creationId xmlns:a16="http://schemas.microsoft.com/office/drawing/2014/main" id="{89579451-47C1-1E5C-4259-DEAEA5A85D7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98726" y="2176107"/>
            <a:ext cx="4597118" cy="408801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 descr="Data and AI cluster">
            <a:extLst>
              <a:ext uri="{FF2B5EF4-FFF2-40B4-BE49-F238E27FC236}">
                <a16:creationId xmlns:a16="http://schemas.microsoft.com/office/drawing/2014/main" id="{60CDEAC5-4903-B0E3-BACC-ADA37C0817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71397" y="3133764"/>
            <a:ext cx="5882795" cy="213332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146032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675234-672D-8414-0839-FBFB7A37CC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anopore</a:t>
            </a:r>
            <a:br>
              <a:rPr lang="da-DK" dirty="0"/>
            </a:br>
            <a:r>
              <a:rPr lang="da-DK" dirty="0"/>
              <a:t>The </a:t>
            </a:r>
            <a:r>
              <a:rPr lang="da-DK" dirty="0" err="1"/>
              <a:t>concept</a:t>
            </a:r>
            <a:endParaRPr lang="da-DK" dirty="0"/>
          </a:p>
        </p:txBody>
      </p:sp>
      <p:pic>
        <p:nvPicPr>
          <p:cNvPr id="3" name="Online Media 2" title="How nanopore sequencing works">
            <a:hlinkClick r:id="" action="ppaction://media"/>
            <a:extLst>
              <a:ext uri="{FF2B5EF4-FFF2-40B4-BE49-F238E27FC236}">
                <a16:creationId xmlns:a16="http://schemas.microsoft.com/office/drawing/2014/main" id="{5AD6B700-9D64-ED07-697B-C85BEA130886}"/>
              </a:ext>
            </a:extLst>
          </p:cNvPr>
          <p:cNvPicPr>
            <a:picLocks noRot="1" noChangeAspect="1"/>
          </p:cNvPicPr>
          <p:nvPr>
            <a:videoFile r:link="rId1"/>
          </p:nvPr>
        </p:nvPicPr>
        <p:blipFill>
          <a:blip r:embed="rId3"/>
          <a:stretch>
            <a:fillRect/>
          </a:stretch>
        </p:blipFill>
        <p:spPr>
          <a:xfrm>
            <a:off x="2260306" y="1955230"/>
            <a:ext cx="7669801" cy="43334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713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3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3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3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3"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72C4F7-9E1D-F723-2B11-8FF61CF0E7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anopore</a:t>
            </a:r>
            <a:br>
              <a:rPr lang="da-DK" dirty="0"/>
            </a:br>
            <a:r>
              <a:rPr lang="da-DK" dirty="0"/>
              <a:t>Usage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9D1E811-E89B-AC86-9F33-DA82AF9F9ED0}"/>
              </a:ext>
            </a:extLst>
          </p:cNvPr>
          <p:cNvSpPr/>
          <p:nvPr/>
        </p:nvSpPr>
        <p:spPr>
          <a:xfrm>
            <a:off x="419045" y="2648052"/>
            <a:ext cx="2933318" cy="2219036"/>
          </a:xfrm>
          <a:prstGeom prst="ellipse">
            <a:avLst/>
          </a:prstGeom>
          <a:noFill/>
          <a:ln w="38100"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A1AC3F53-2A57-AB20-EE76-8D3747F5DAFE}"/>
              </a:ext>
            </a:extLst>
          </p:cNvPr>
          <p:cNvGrpSpPr/>
          <p:nvPr/>
        </p:nvGrpSpPr>
        <p:grpSpPr>
          <a:xfrm>
            <a:off x="4861879" y="2519801"/>
            <a:ext cx="2728558" cy="2607605"/>
            <a:chOff x="4862512" y="2519682"/>
            <a:chExt cx="2728913" cy="2607945"/>
          </a:xfrm>
        </p:grpSpPr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3C81AB7A-D8B3-F52B-7E74-391CD4531D56}"/>
                </a:ext>
              </a:extLst>
            </p:cNvPr>
            <p:cNvCxnSpPr>
              <a:cxnSpLocks/>
            </p:cNvCxnSpPr>
            <p:nvPr/>
          </p:nvCxnSpPr>
          <p:spPr>
            <a:xfrm>
              <a:off x="5238750" y="2927352"/>
              <a:ext cx="2352675" cy="200025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" name="Straight Connector 7">
              <a:extLst>
                <a:ext uri="{FF2B5EF4-FFF2-40B4-BE49-F238E27FC236}">
                  <a16:creationId xmlns:a16="http://schemas.microsoft.com/office/drawing/2014/main" id="{FC42D7F1-BA7E-AFF8-2142-624ADB3B644F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076825" y="3432177"/>
              <a:ext cx="733425" cy="2476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0B50C1E1-94F8-5456-6F53-0D21BAF936C7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219700" y="2519682"/>
              <a:ext cx="1195387" cy="131445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35E7FB0B-3273-864A-A47B-C69DDC526C39}"/>
                </a:ext>
              </a:extLst>
            </p:cNvPr>
            <p:cNvCxnSpPr>
              <a:cxnSpLocks/>
            </p:cNvCxnSpPr>
            <p:nvPr/>
          </p:nvCxnSpPr>
          <p:spPr>
            <a:xfrm>
              <a:off x="4862512" y="4241802"/>
              <a:ext cx="1252538" cy="41910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E3EA838C-7144-F746-DBAE-70D76F093F0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443537" y="3679827"/>
              <a:ext cx="1700213" cy="3238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7138F4F1-4EB7-66E7-7387-DAF05FE0DA93}"/>
                </a:ext>
              </a:extLst>
            </p:cNvPr>
            <p:cNvCxnSpPr>
              <a:cxnSpLocks/>
            </p:cNvCxnSpPr>
            <p:nvPr/>
          </p:nvCxnSpPr>
          <p:spPr>
            <a:xfrm>
              <a:off x="4929187" y="5127627"/>
              <a:ext cx="290513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6DE1380B-F35D-A4EE-A1AD-899F041F2254}"/>
                </a:ext>
              </a:extLst>
            </p:cNvPr>
            <p:cNvCxnSpPr>
              <a:cxnSpLocks/>
            </p:cNvCxnSpPr>
            <p:nvPr/>
          </p:nvCxnSpPr>
          <p:spPr>
            <a:xfrm>
              <a:off x="5957887" y="4241802"/>
              <a:ext cx="457200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FDCFFCD3-B938-B1D1-C498-F699E41EAD81}"/>
              </a:ext>
            </a:extLst>
          </p:cNvPr>
          <p:cNvGrpSpPr/>
          <p:nvPr/>
        </p:nvGrpSpPr>
        <p:grpSpPr>
          <a:xfrm>
            <a:off x="8523765" y="2900431"/>
            <a:ext cx="3333316" cy="2042825"/>
            <a:chOff x="8524875" y="2900362"/>
            <a:chExt cx="3333750" cy="2043091"/>
          </a:xfrm>
        </p:grpSpPr>
        <p:sp>
          <p:nvSpPr>
            <p:cNvPr id="34" name="Cylinder 33">
              <a:extLst>
                <a:ext uri="{FF2B5EF4-FFF2-40B4-BE49-F238E27FC236}">
                  <a16:creationId xmlns:a16="http://schemas.microsoft.com/office/drawing/2014/main" id="{A011DE7D-6C8C-BC1B-DB87-0E6C26ED9BD3}"/>
                </a:ext>
              </a:extLst>
            </p:cNvPr>
            <p:cNvSpPr/>
            <p:nvPr/>
          </p:nvSpPr>
          <p:spPr>
            <a:xfrm>
              <a:off x="9705975" y="3943346"/>
              <a:ext cx="1076325" cy="1000107"/>
            </a:xfrm>
            <a:prstGeom prst="can">
              <a:avLst/>
            </a:prstGeom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B2378B10-F099-AB97-6218-CF64889B91E3}"/>
                </a:ext>
              </a:extLst>
            </p:cNvPr>
            <p:cNvCxnSpPr>
              <a:cxnSpLocks/>
            </p:cNvCxnSpPr>
            <p:nvPr/>
          </p:nvCxnSpPr>
          <p:spPr>
            <a:xfrm>
              <a:off x="8524875" y="3086100"/>
              <a:ext cx="1076325" cy="11239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BCEA69B6-3EED-2B69-98D8-CB33E40AFAF2}"/>
                </a:ext>
              </a:extLst>
            </p:cNvPr>
            <p:cNvCxnSpPr>
              <a:cxnSpLocks/>
            </p:cNvCxnSpPr>
            <p:nvPr/>
          </p:nvCxnSpPr>
          <p:spPr>
            <a:xfrm>
              <a:off x="10782300" y="3086100"/>
              <a:ext cx="1076325" cy="11239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CACE1E9A-0D2A-89B1-395B-121BE11D4F57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8524875" y="3086100"/>
              <a:ext cx="2257425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45474E49-F3CA-0C3F-9347-94BA5E10F25B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9591675" y="4210050"/>
              <a:ext cx="2257425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3" name="Cylinder 32">
              <a:extLst>
                <a:ext uri="{FF2B5EF4-FFF2-40B4-BE49-F238E27FC236}">
                  <a16:creationId xmlns:a16="http://schemas.microsoft.com/office/drawing/2014/main" id="{8647271A-E3D2-A46E-AD0B-2A588DDDCB73}"/>
                </a:ext>
              </a:extLst>
            </p:cNvPr>
            <p:cNvSpPr/>
            <p:nvPr/>
          </p:nvSpPr>
          <p:spPr>
            <a:xfrm>
              <a:off x="9705974" y="2900362"/>
              <a:ext cx="1076325" cy="910576"/>
            </a:xfrm>
            <a:prstGeom prst="can">
              <a:avLst/>
            </a:prstGeom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</p:grpSp>
      <p:sp>
        <p:nvSpPr>
          <p:cNvPr id="35" name="Rectangle 34">
            <a:extLst>
              <a:ext uri="{FF2B5EF4-FFF2-40B4-BE49-F238E27FC236}">
                <a16:creationId xmlns:a16="http://schemas.microsoft.com/office/drawing/2014/main" id="{8BA398ED-5B95-563D-B919-B43793EAE856}"/>
              </a:ext>
            </a:extLst>
          </p:cNvPr>
          <p:cNvSpPr/>
          <p:nvPr/>
        </p:nvSpPr>
        <p:spPr>
          <a:xfrm>
            <a:off x="9652330" y="3893550"/>
            <a:ext cx="1323803" cy="29524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Freeform: Shape 39">
            <a:extLst>
              <a:ext uri="{FF2B5EF4-FFF2-40B4-BE49-F238E27FC236}">
                <a16:creationId xmlns:a16="http://schemas.microsoft.com/office/drawing/2014/main" id="{EB05588F-8B53-2A27-FF9B-CD9328CA3AA7}"/>
              </a:ext>
            </a:extLst>
          </p:cNvPr>
          <p:cNvSpPr/>
          <p:nvPr/>
        </p:nvSpPr>
        <p:spPr>
          <a:xfrm rot="9889951">
            <a:off x="10139734" y="4927951"/>
            <a:ext cx="406349" cy="1015868"/>
          </a:xfrm>
          <a:custGeom>
            <a:avLst/>
            <a:gdLst>
              <a:gd name="connsiteX0" fmla="*/ 406402 w 406402"/>
              <a:gd name="connsiteY0" fmla="*/ 0 h 1016000"/>
              <a:gd name="connsiteX1" fmla="*/ 270936 w 406402"/>
              <a:gd name="connsiteY1" fmla="*/ 16934 h 1016000"/>
              <a:gd name="connsiteX2" fmla="*/ 194736 w 406402"/>
              <a:gd name="connsiteY2" fmla="*/ 25400 h 1016000"/>
              <a:gd name="connsiteX3" fmla="*/ 101602 w 406402"/>
              <a:gd name="connsiteY3" fmla="*/ 76200 h 1016000"/>
              <a:gd name="connsiteX4" fmla="*/ 59269 w 406402"/>
              <a:gd name="connsiteY4" fmla="*/ 143934 h 1016000"/>
              <a:gd name="connsiteX5" fmla="*/ 25402 w 406402"/>
              <a:gd name="connsiteY5" fmla="*/ 169334 h 1016000"/>
              <a:gd name="connsiteX6" fmla="*/ 42336 w 406402"/>
              <a:gd name="connsiteY6" fmla="*/ 237067 h 1016000"/>
              <a:gd name="connsiteX7" fmla="*/ 76202 w 406402"/>
              <a:gd name="connsiteY7" fmla="*/ 270934 h 1016000"/>
              <a:gd name="connsiteX8" fmla="*/ 143936 w 406402"/>
              <a:gd name="connsiteY8" fmla="*/ 304800 h 1016000"/>
              <a:gd name="connsiteX9" fmla="*/ 254002 w 406402"/>
              <a:gd name="connsiteY9" fmla="*/ 321734 h 1016000"/>
              <a:gd name="connsiteX10" fmla="*/ 279402 w 406402"/>
              <a:gd name="connsiteY10" fmla="*/ 347134 h 1016000"/>
              <a:gd name="connsiteX11" fmla="*/ 287869 w 406402"/>
              <a:gd name="connsiteY11" fmla="*/ 381000 h 1016000"/>
              <a:gd name="connsiteX12" fmla="*/ 254002 w 406402"/>
              <a:gd name="connsiteY12" fmla="*/ 499534 h 1016000"/>
              <a:gd name="connsiteX13" fmla="*/ 245536 w 406402"/>
              <a:gd name="connsiteY13" fmla="*/ 524934 h 1016000"/>
              <a:gd name="connsiteX14" fmla="*/ 177802 w 406402"/>
              <a:gd name="connsiteY14" fmla="*/ 575734 h 1016000"/>
              <a:gd name="connsiteX15" fmla="*/ 93136 w 406402"/>
              <a:gd name="connsiteY15" fmla="*/ 635000 h 1016000"/>
              <a:gd name="connsiteX16" fmla="*/ 76202 w 406402"/>
              <a:gd name="connsiteY16" fmla="*/ 660400 h 1016000"/>
              <a:gd name="connsiteX17" fmla="*/ 16936 w 406402"/>
              <a:gd name="connsiteY17" fmla="*/ 702734 h 1016000"/>
              <a:gd name="connsiteX18" fmla="*/ 8469 w 406402"/>
              <a:gd name="connsiteY18" fmla="*/ 804334 h 1016000"/>
              <a:gd name="connsiteX19" fmla="*/ 16936 w 406402"/>
              <a:gd name="connsiteY19" fmla="*/ 829734 h 1016000"/>
              <a:gd name="connsiteX20" fmla="*/ 76202 w 406402"/>
              <a:gd name="connsiteY20" fmla="*/ 855134 h 1016000"/>
              <a:gd name="connsiteX21" fmla="*/ 118536 w 406402"/>
              <a:gd name="connsiteY21" fmla="*/ 897467 h 1016000"/>
              <a:gd name="connsiteX22" fmla="*/ 135469 w 406402"/>
              <a:gd name="connsiteY22" fmla="*/ 922867 h 1016000"/>
              <a:gd name="connsiteX23" fmla="*/ 135469 w 406402"/>
              <a:gd name="connsiteY23" fmla="*/ 1016000 h 101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</a:cxnLst>
            <a:rect l="l" t="t" r="r" b="b"/>
            <a:pathLst>
              <a:path w="406402" h="1016000">
                <a:moveTo>
                  <a:pt x="406402" y="0"/>
                </a:moveTo>
                <a:lnTo>
                  <a:pt x="270936" y="16934"/>
                </a:lnTo>
                <a:cubicBezTo>
                  <a:pt x="245562" y="19979"/>
                  <a:pt x="219429" y="18815"/>
                  <a:pt x="194736" y="25400"/>
                </a:cubicBezTo>
                <a:cubicBezTo>
                  <a:pt x="180575" y="29176"/>
                  <a:pt x="115527" y="66253"/>
                  <a:pt x="101602" y="76200"/>
                </a:cubicBezTo>
                <a:cubicBezTo>
                  <a:pt x="71176" y="97933"/>
                  <a:pt x="88491" y="106363"/>
                  <a:pt x="59269" y="143934"/>
                </a:cubicBezTo>
                <a:cubicBezTo>
                  <a:pt x="50606" y="155073"/>
                  <a:pt x="36691" y="160867"/>
                  <a:pt x="25402" y="169334"/>
                </a:cubicBezTo>
                <a:cubicBezTo>
                  <a:pt x="31047" y="191912"/>
                  <a:pt x="31928" y="216251"/>
                  <a:pt x="42336" y="237067"/>
                </a:cubicBezTo>
                <a:cubicBezTo>
                  <a:pt x="49476" y="251346"/>
                  <a:pt x="62918" y="262078"/>
                  <a:pt x="76202" y="270934"/>
                </a:cubicBezTo>
                <a:cubicBezTo>
                  <a:pt x="97205" y="284936"/>
                  <a:pt x="120376" y="295738"/>
                  <a:pt x="143936" y="304800"/>
                </a:cubicBezTo>
                <a:cubicBezTo>
                  <a:pt x="162613" y="311983"/>
                  <a:pt x="244671" y="320568"/>
                  <a:pt x="254002" y="321734"/>
                </a:cubicBezTo>
                <a:cubicBezTo>
                  <a:pt x="262469" y="330201"/>
                  <a:pt x="273461" y="336738"/>
                  <a:pt x="279402" y="347134"/>
                </a:cubicBezTo>
                <a:cubicBezTo>
                  <a:pt x="285175" y="357237"/>
                  <a:pt x="288643" y="369390"/>
                  <a:pt x="287869" y="381000"/>
                </a:cubicBezTo>
                <a:cubicBezTo>
                  <a:pt x="282313" y="464351"/>
                  <a:pt x="284183" y="454264"/>
                  <a:pt x="254002" y="499534"/>
                </a:cubicBezTo>
                <a:cubicBezTo>
                  <a:pt x="251180" y="508001"/>
                  <a:pt x="250128" y="517281"/>
                  <a:pt x="245536" y="524934"/>
                </a:cubicBezTo>
                <a:cubicBezTo>
                  <a:pt x="234802" y="542823"/>
                  <a:pt x="182746" y="571689"/>
                  <a:pt x="177802" y="575734"/>
                </a:cubicBezTo>
                <a:cubicBezTo>
                  <a:pt x="101645" y="638044"/>
                  <a:pt x="171573" y="603626"/>
                  <a:pt x="93136" y="635000"/>
                </a:cubicBezTo>
                <a:cubicBezTo>
                  <a:pt x="87491" y="643467"/>
                  <a:pt x="83397" y="653205"/>
                  <a:pt x="76202" y="660400"/>
                </a:cubicBezTo>
                <a:cubicBezTo>
                  <a:pt x="65701" y="670901"/>
                  <a:pt x="31357" y="693119"/>
                  <a:pt x="16936" y="702734"/>
                </a:cubicBezTo>
                <a:cubicBezTo>
                  <a:pt x="-1573" y="767511"/>
                  <a:pt x="-5694" y="747685"/>
                  <a:pt x="8469" y="804334"/>
                </a:cubicBezTo>
                <a:cubicBezTo>
                  <a:pt x="10634" y="812992"/>
                  <a:pt x="10625" y="823423"/>
                  <a:pt x="16936" y="829734"/>
                </a:cubicBezTo>
                <a:cubicBezTo>
                  <a:pt x="27398" y="840196"/>
                  <a:pt x="61023" y="850074"/>
                  <a:pt x="76202" y="855134"/>
                </a:cubicBezTo>
                <a:cubicBezTo>
                  <a:pt x="90313" y="869245"/>
                  <a:pt x="107466" y="880862"/>
                  <a:pt x="118536" y="897467"/>
                </a:cubicBezTo>
                <a:cubicBezTo>
                  <a:pt x="124180" y="905934"/>
                  <a:pt x="134030" y="912794"/>
                  <a:pt x="135469" y="922867"/>
                </a:cubicBezTo>
                <a:cubicBezTo>
                  <a:pt x="139859" y="953599"/>
                  <a:pt x="135469" y="984956"/>
                  <a:pt x="135469" y="1016000"/>
                </a:cubicBezTo>
              </a:path>
            </a:pathLst>
          </a:custGeom>
          <a:noFill/>
          <a:ln w="38100">
            <a:solidFill>
              <a:schemeClr val="tx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58B1DE1E-49D7-26DE-D3E9-0BAB82B511A1}"/>
              </a:ext>
            </a:extLst>
          </p:cNvPr>
          <p:cNvGrpSpPr/>
          <p:nvPr/>
        </p:nvGrpSpPr>
        <p:grpSpPr>
          <a:xfrm>
            <a:off x="10039627" y="1000442"/>
            <a:ext cx="406349" cy="1369821"/>
            <a:chOff x="10039627" y="1000442"/>
            <a:chExt cx="406349" cy="1369821"/>
          </a:xfrm>
        </p:grpSpPr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892B3B6E-A72B-373C-2D47-538BDA7A016B}"/>
                </a:ext>
              </a:extLst>
            </p:cNvPr>
            <p:cNvSpPr/>
            <p:nvPr/>
          </p:nvSpPr>
          <p:spPr>
            <a:xfrm>
              <a:off x="10039627" y="1000442"/>
              <a:ext cx="406349" cy="1015868"/>
            </a:xfrm>
            <a:custGeom>
              <a:avLst/>
              <a:gdLst>
                <a:gd name="connsiteX0" fmla="*/ 406402 w 406402"/>
                <a:gd name="connsiteY0" fmla="*/ 0 h 1016000"/>
                <a:gd name="connsiteX1" fmla="*/ 270936 w 406402"/>
                <a:gd name="connsiteY1" fmla="*/ 16934 h 1016000"/>
                <a:gd name="connsiteX2" fmla="*/ 194736 w 406402"/>
                <a:gd name="connsiteY2" fmla="*/ 25400 h 1016000"/>
                <a:gd name="connsiteX3" fmla="*/ 101602 w 406402"/>
                <a:gd name="connsiteY3" fmla="*/ 76200 h 1016000"/>
                <a:gd name="connsiteX4" fmla="*/ 59269 w 406402"/>
                <a:gd name="connsiteY4" fmla="*/ 143934 h 1016000"/>
                <a:gd name="connsiteX5" fmla="*/ 25402 w 406402"/>
                <a:gd name="connsiteY5" fmla="*/ 169334 h 1016000"/>
                <a:gd name="connsiteX6" fmla="*/ 42336 w 406402"/>
                <a:gd name="connsiteY6" fmla="*/ 237067 h 1016000"/>
                <a:gd name="connsiteX7" fmla="*/ 76202 w 406402"/>
                <a:gd name="connsiteY7" fmla="*/ 270934 h 1016000"/>
                <a:gd name="connsiteX8" fmla="*/ 143936 w 406402"/>
                <a:gd name="connsiteY8" fmla="*/ 304800 h 1016000"/>
                <a:gd name="connsiteX9" fmla="*/ 254002 w 406402"/>
                <a:gd name="connsiteY9" fmla="*/ 321734 h 1016000"/>
                <a:gd name="connsiteX10" fmla="*/ 279402 w 406402"/>
                <a:gd name="connsiteY10" fmla="*/ 347134 h 1016000"/>
                <a:gd name="connsiteX11" fmla="*/ 287869 w 406402"/>
                <a:gd name="connsiteY11" fmla="*/ 381000 h 1016000"/>
                <a:gd name="connsiteX12" fmla="*/ 254002 w 406402"/>
                <a:gd name="connsiteY12" fmla="*/ 499534 h 1016000"/>
                <a:gd name="connsiteX13" fmla="*/ 245536 w 406402"/>
                <a:gd name="connsiteY13" fmla="*/ 524934 h 1016000"/>
                <a:gd name="connsiteX14" fmla="*/ 177802 w 406402"/>
                <a:gd name="connsiteY14" fmla="*/ 575734 h 1016000"/>
                <a:gd name="connsiteX15" fmla="*/ 93136 w 406402"/>
                <a:gd name="connsiteY15" fmla="*/ 635000 h 1016000"/>
                <a:gd name="connsiteX16" fmla="*/ 76202 w 406402"/>
                <a:gd name="connsiteY16" fmla="*/ 660400 h 1016000"/>
                <a:gd name="connsiteX17" fmla="*/ 16936 w 406402"/>
                <a:gd name="connsiteY17" fmla="*/ 702734 h 1016000"/>
                <a:gd name="connsiteX18" fmla="*/ 8469 w 406402"/>
                <a:gd name="connsiteY18" fmla="*/ 804334 h 1016000"/>
                <a:gd name="connsiteX19" fmla="*/ 16936 w 406402"/>
                <a:gd name="connsiteY19" fmla="*/ 829734 h 1016000"/>
                <a:gd name="connsiteX20" fmla="*/ 76202 w 406402"/>
                <a:gd name="connsiteY20" fmla="*/ 855134 h 1016000"/>
                <a:gd name="connsiteX21" fmla="*/ 118536 w 406402"/>
                <a:gd name="connsiteY21" fmla="*/ 897467 h 1016000"/>
                <a:gd name="connsiteX22" fmla="*/ 135469 w 406402"/>
                <a:gd name="connsiteY22" fmla="*/ 922867 h 1016000"/>
                <a:gd name="connsiteX23" fmla="*/ 135469 w 406402"/>
                <a:gd name="connsiteY23" fmla="*/ 1016000 h 1016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</a:cxnLst>
              <a:rect l="l" t="t" r="r" b="b"/>
              <a:pathLst>
                <a:path w="406402" h="1016000">
                  <a:moveTo>
                    <a:pt x="406402" y="0"/>
                  </a:moveTo>
                  <a:lnTo>
                    <a:pt x="270936" y="16934"/>
                  </a:lnTo>
                  <a:cubicBezTo>
                    <a:pt x="245562" y="19979"/>
                    <a:pt x="219429" y="18815"/>
                    <a:pt x="194736" y="25400"/>
                  </a:cubicBezTo>
                  <a:cubicBezTo>
                    <a:pt x="180575" y="29176"/>
                    <a:pt x="115527" y="66253"/>
                    <a:pt x="101602" y="76200"/>
                  </a:cubicBezTo>
                  <a:cubicBezTo>
                    <a:pt x="71176" y="97933"/>
                    <a:pt x="88491" y="106363"/>
                    <a:pt x="59269" y="143934"/>
                  </a:cubicBezTo>
                  <a:cubicBezTo>
                    <a:pt x="50606" y="155073"/>
                    <a:pt x="36691" y="160867"/>
                    <a:pt x="25402" y="169334"/>
                  </a:cubicBezTo>
                  <a:cubicBezTo>
                    <a:pt x="31047" y="191912"/>
                    <a:pt x="31928" y="216251"/>
                    <a:pt x="42336" y="237067"/>
                  </a:cubicBezTo>
                  <a:cubicBezTo>
                    <a:pt x="49476" y="251346"/>
                    <a:pt x="62918" y="262078"/>
                    <a:pt x="76202" y="270934"/>
                  </a:cubicBezTo>
                  <a:cubicBezTo>
                    <a:pt x="97205" y="284936"/>
                    <a:pt x="120376" y="295738"/>
                    <a:pt x="143936" y="304800"/>
                  </a:cubicBezTo>
                  <a:cubicBezTo>
                    <a:pt x="162613" y="311983"/>
                    <a:pt x="244671" y="320568"/>
                    <a:pt x="254002" y="321734"/>
                  </a:cubicBezTo>
                  <a:cubicBezTo>
                    <a:pt x="262469" y="330201"/>
                    <a:pt x="273461" y="336738"/>
                    <a:pt x="279402" y="347134"/>
                  </a:cubicBezTo>
                  <a:cubicBezTo>
                    <a:pt x="285175" y="357237"/>
                    <a:pt x="288643" y="369390"/>
                    <a:pt x="287869" y="381000"/>
                  </a:cubicBezTo>
                  <a:cubicBezTo>
                    <a:pt x="282313" y="464351"/>
                    <a:pt x="284183" y="454264"/>
                    <a:pt x="254002" y="499534"/>
                  </a:cubicBezTo>
                  <a:cubicBezTo>
                    <a:pt x="251180" y="508001"/>
                    <a:pt x="250128" y="517281"/>
                    <a:pt x="245536" y="524934"/>
                  </a:cubicBezTo>
                  <a:cubicBezTo>
                    <a:pt x="234802" y="542823"/>
                    <a:pt x="182746" y="571689"/>
                    <a:pt x="177802" y="575734"/>
                  </a:cubicBezTo>
                  <a:cubicBezTo>
                    <a:pt x="101645" y="638044"/>
                    <a:pt x="171573" y="603626"/>
                    <a:pt x="93136" y="635000"/>
                  </a:cubicBezTo>
                  <a:cubicBezTo>
                    <a:pt x="87491" y="643467"/>
                    <a:pt x="83397" y="653205"/>
                    <a:pt x="76202" y="660400"/>
                  </a:cubicBezTo>
                  <a:cubicBezTo>
                    <a:pt x="65701" y="670901"/>
                    <a:pt x="31357" y="693119"/>
                    <a:pt x="16936" y="702734"/>
                  </a:cubicBezTo>
                  <a:cubicBezTo>
                    <a:pt x="-1573" y="767511"/>
                    <a:pt x="-5694" y="747685"/>
                    <a:pt x="8469" y="804334"/>
                  </a:cubicBezTo>
                  <a:cubicBezTo>
                    <a:pt x="10634" y="812992"/>
                    <a:pt x="10625" y="823423"/>
                    <a:pt x="16936" y="829734"/>
                  </a:cubicBezTo>
                  <a:cubicBezTo>
                    <a:pt x="27398" y="840196"/>
                    <a:pt x="61023" y="850074"/>
                    <a:pt x="76202" y="855134"/>
                  </a:cubicBezTo>
                  <a:cubicBezTo>
                    <a:pt x="90313" y="869245"/>
                    <a:pt x="107466" y="880862"/>
                    <a:pt x="118536" y="897467"/>
                  </a:cubicBezTo>
                  <a:cubicBezTo>
                    <a:pt x="124180" y="905934"/>
                    <a:pt x="134030" y="912794"/>
                    <a:pt x="135469" y="922867"/>
                  </a:cubicBezTo>
                  <a:cubicBezTo>
                    <a:pt x="139859" y="953599"/>
                    <a:pt x="135469" y="984956"/>
                    <a:pt x="135469" y="1016000"/>
                  </a:cubicBezTo>
                </a:path>
              </a:pathLst>
            </a:custGeom>
            <a:no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cxnSp>
          <p:nvCxnSpPr>
            <p:cNvPr id="4" name="Straight Connector 3">
              <a:extLst>
                <a:ext uri="{FF2B5EF4-FFF2-40B4-BE49-F238E27FC236}">
                  <a16:creationId xmlns:a16="http://schemas.microsoft.com/office/drawing/2014/main" id="{762CE932-75A0-8B92-3854-61953209A5ED}"/>
                </a:ext>
              </a:extLst>
            </p:cNvPr>
            <p:cNvCxnSpPr/>
            <p:nvPr/>
          </p:nvCxnSpPr>
          <p:spPr bwMode="auto">
            <a:xfrm>
              <a:off x="10176051" y="2016770"/>
              <a:ext cx="0" cy="353493"/>
            </a:xfrm>
            <a:prstGeom prst="line">
              <a:avLst/>
            </a:prstGeom>
            <a:ln w="38100">
              <a:headEnd type="none" w="med" len="med"/>
              <a:tailEnd type="none" w="med" len="med"/>
            </a:ln>
          </p:spPr>
          <p:style>
            <a:lnRef idx="1">
              <a:schemeClr val="accent2"/>
            </a:lnRef>
            <a:fillRef idx="0">
              <a:schemeClr val="accent2"/>
            </a:fillRef>
            <a:effectRef idx="0">
              <a:schemeClr val="accent2"/>
            </a:effectRef>
            <a:fontRef idx="minor">
              <a:schemeClr val="tx1"/>
            </a:fontRef>
          </p:style>
        </p:cxnSp>
      </p:grp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D495FB02-7378-64CA-9CEE-D793DB9AE297}"/>
              </a:ext>
            </a:extLst>
          </p:cNvPr>
          <p:cNvCxnSpPr>
            <a:cxnSpLocks/>
          </p:cNvCxnSpPr>
          <p:nvPr/>
        </p:nvCxnSpPr>
        <p:spPr bwMode="auto">
          <a:xfrm flipH="1">
            <a:off x="10025732" y="5979285"/>
            <a:ext cx="245938" cy="176746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717F6762-659B-E677-EC28-F079629B07D8}"/>
              </a:ext>
            </a:extLst>
          </p:cNvPr>
          <p:cNvSpPr/>
          <p:nvPr/>
        </p:nvSpPr>
        <p:spPr bwMode="auto">
          <a:xfrm>
            <a:off x="8399462" y="764704"/>
            <a:ext cx="2448272" cy="1883337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13489525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xit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42" presetClass="path" presetSubtype="0" accel="50000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56948E-6 -1.85185E-6 L -3.56948E-6 0.1 " pathEditMode="relative" rAng="0" ptsTypes="AA">
                                      <p:cBhvr>
                                        <p:cTn id="22" dur="2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50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40" grpId="0" animBg="1"/>
      <p:bldP spid="12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72C4F7-9E1D-F723-2B11-8FF61CF0E7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anopore</a:t>
            </a:r>
            <a:br>
              <a:rPr lang="da-DK" dirty="0"/>
            </a:br>
            <a:r>
              <a:rPr lang="da-DK" dirty="0"/>
              <a:t>Assembly</a:t>
            </a:r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BCDC9C4E-6EF2-049C-E271-03D155E58A2D}"/>
              </a:ext>
            </a:extLst>
          </p:cNvPr>
          <p:cNvGrpSpPr/>
          <p:nvPr/>
        </p:nvGrpSpPr>
        <p:grpSpPr>
          <a:xfrm>
            <a:off x="781476" y="2595991"/>
            <a:ext cx="2728558" cy="2607605"/>
            <a:chOff x="806978" y="2595882"/>
            <a:chExt cx="2728913" cy="2607945"/>
          </a:xfrm>
        </p:grpSpPr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497B59C5-2A55-4643-59BA-60EABCB15568}"/>
                </a:ext>
              </a:extLst>
            </p:cNvPr>
            <p:cNvCxnSpPr>
              <a:cxnSpLocks/>
            </p:cNvCxnSpPr>
            <p:nvPr/>
          </p:nvCxnSpPr>
          <p:spPr>
            <a:xfrm>
              <a:off x="1183216" y="3003552"/>
              <a:ext cx="2352675" cy="200025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5286C885-6C52-73C7-F311-3B6F2CE95106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21291" y="3508377"/>
              <a:ext cx="733425" cy="2476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89381E26-CCAB-B01A-BFD3-8FE7796388F8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164166" y="2595882"/>
              <a:ext cx="1195387" cy="131445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11C59A88-0B23-25E4-AF17-7A391C4A6AD5}"/>
                </a:ext>
              </a:extLst>
            </p:cNvPr>
            <p:cNvCxnSpPr>
              <a:cxnSpLocks/>
            </p:cNvCxnSpPr>
            <p:nvPr/>
          </p:nvCxnSpPr>
          <p:spPr>
            <a:xfrm>
              <a:off x="806978" y="4318002"/>
              <a:ext cx="1252538" cy="41910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BBAD7C1D-A9BB-B859-37F3-B27F2496AD7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388003" y="3756027"/>
              <a:ext cx="1700213" cy="3238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4FA0D5D9-DF32-67DA-6A28-4F69192B51CC}"/>
                </a:ext>
              </a:extLst>
            </p:cNvPr>
            <p:cNvCxnSpPr>
              <a:cxnSpLocks/>
            </p:cNvCxnSpPr>
            <p:nvPr/>
          </p:nvCxnSpPr>
          <p:spPr>
            <a:xfrm>
              <a:off x="873653" y="5203827"/>
              <a:ext cx="290513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76B11566-229F-AB3D-F33F-3CD4E9FF6387}"/>
                </a:ext>
              </a:extLst>
            </p:cNvPr>
            <p:cNvCxnSpPr>
              <a:cxnSpLocks/>
            </p:cNvCxnSpPr>
            <p:nvPr/>
          </p:nvCxnSpPr>
          <p:spPr>
            <a:xfrm>
              <a:off x="1902353" y="4318002"/>
              <a:ext cx="457200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DDA00789-78D3-9102-7B72-D8511D24D863}"/>
              </a:ext>
            </a:extLst>
          </p:cNvPr>
          <p:cNvCxnSpPr>
            <a:cxnSpLocks/>
          </p:cNvCxnSpPr>
          <p:nvPr/>
        </p:nvCxnSpPr>
        <p:spPr>
          <a:xfrm>
            <a:off x="6038064" y="2725302"/>
            <a:ext cx="2448664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FB3FB9C2-5FBF-AF81-57D2-1F8824F0444B}"/>
              </a:ext>
            </a:extLst>
          </p:cNvPr>
          <p:cNvCxnSpPr>
            <a:cxnSpLocks/>
          </p:cNvCxnSpPr>
          <p:nvPr/>
        </p:nvCxnSpPr>
        <p:spPr>
          <a:xfrm>
            <a:off x="7959748" y="2855566"/>
            <a:ext cx="1729092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E8691CDA-A37A-7595-6383-62703FD3CB75}"/>
              </a:ext>
            </a:extLst>
          </p:cNvPr>
          <p:cNvCxnSpPr>
            <a:cxnSpLocks/>
          </p:cNvCxnSpPr>
          <p:nvPr/>
        </p:nvCxnSpPr>
        <p:spPr>
          <a:xfrm>
            <a:off x="4946006" y="2951757"/>
            <a:ext cx="1466659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13DB8DBF-98C7-8003-D1D6-A67DF9F6ECA7}"/>
              </a:ext>
            </a:extLst>
          </p:cNvPr>
          <p:cNvCxnSpPr>
            <a:cxnSpLocks/>
          </p:cNvCxnSpPr>
          <p:nvPr/>
        </p:nvCxnSpPr>
        <p:spPr>
          <a:xfrm>
            <a:off x="7417951" y="3090383"/>
            <a:ext cx="1466659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BE3CD479-DFE1-D54D-D407-E295EA71CD0C}"/>
              </a:ext>
            </a:extLst>
          </p:cNvPr>
          <p:cNvCxnSpPr>
            <a:cxnSpLocks/>
          </p:cNvCxnSpPr>
          <p:nvPr/>
        </p:nvCxnSpPr>
        <p:spPr>
          <a:xfrm>
            <a:off x="9144927" y="2694617"/>
            <a:ext cx="1466659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4" name="Picture 43">
            <a:extLst>
              <a:ext uri="{FF2B5EF4-FFF2-40B4-BE49-F238E27FC236}">
                <a16:creationId xmlns:a16="http://schemas.microsoft.com/office/drawing/2014/main" id="{6D57A8CB-2D24-5BC0-CD92-F0B0B3A097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5206" y="4491961"/>
            <a:ext cx="4516380" cy="1774293"/>
          </a:xfrm>
          <a:prstGeom prst="rect">
            <a:avLst/>
          </a:prstGeom>
        </p:spPr>
      </p:pic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512DE648-B821-16C8-23F3-6BD58C72174C}"/>
              </a:ext>
            </a:extLst>
          </p:cNvPr>
          <p:cNvCxnSpPr>
            <a:cxnSpLocks/>
          </p:cNvCxnSpPr>
          <p:nvPr/>
        </p:nvCxnSpPr>
        <p:spPr>
          <a:xfrm>
            <a:off x="4878070" y="3508367"/>
            <a:ext cx="5883779" cy="0"/>
          </a:xfrm>
          <a:prstGeom prst="line">
            <a:avLst/>
          </a:prstGeom>
          <a:ln w="38100">
            <a:solidFill>
              <a:srgbClr val="0070C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635634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0C2EE815-6E63-4BEC-B4AC-118BC1654561}">
  <ds:schemaRefs/>
</ds:datastoreItem>
</file>

<file path=customXml/itemProps8.xml><?xml version="1.0" encoding="utf-8"?>
<ds:datastoreItem xmlns:ds="http://schemas.openxmlformats.org/officeDocument/2006/customXml" ds:itemID="{2D3BBD6A-03E4-4746-A446-91533F6D5A3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191</TotalTime>
  <Words>73</Words>
  <Application>Microsoft Office PowerPoint</Application>
  <PresentationFormat>Custom</PresentationFormat>
  <Paragraphs>26</Paragraphs>
  <Slides>10</Slides>
  <Notes>1</Notes>
  <HiddenSlides>0</HiddenSlides>
  <MMClips>1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3" baseType="lpstr">
      <vt:lpstr>Arial</vt:lpstr>
      <vt:lpstr>Verdana</vt:lpstr>
      <vt:lpstr>Blank</vt:lpstr>
      <vt:lpstr>PowerPoint Presentation</vt:lpstr>
      <vt:lpstr>Nanopore sequencing</vt:lpstr>
      <vt:lpstr>Recap!</vt:lpstr>
      <vt:lpstr>Nanopore The history</vt:lpstr>
      <vt:lpstr>Nanopore The concept</vt:lpstr>
      <vt:lpstr>Nanopore The concept</vt:lpstr>
      <vt:lpstr>Nanopore The concept</vt:lpstr>
      <vt:lpstr>Nanopore Usage</vt:lpstr>
      <vt:lpstr>Nanopore Assembly</vt:lpstr>
      <vt:lpstr>Nanopore sequenc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12</cp:revision>
  <dcterms:created xsi:type="dcterms:W3CDTF">2022-07-12T00:49:14Z</dcterms:created>
  <dcterms:modified xsi:type="dcterms:W3CDTF">2024-07-11T07:01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